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FA8A9A5" w14:textId="77777777" w:rsidR="00547D7D" w:rsidRPr="00754E48" w:rsidRDefault="00547D7D" w:rsidP="00FC732D">
      <w:pPr>
        <w:jc w:val="center"/>
        <w:rPr>
          <w:b/>
          <w:bCs/>
          <w:color w:val="000000"/>
          <w:sz w:val="24"/>
          <w:szCs w:val="24"/>
          <w:lang w:val="en-US" w:eastAsia="sv-SE"/>
        </w:rPr>
      </w:pPr>
      <w:r w:rsidRPr="00754E48">
        <w:rPr>
          <w:b/>
          <w:bCs/>
          <w:color w:val="000000"/>
          <w:sz w:val="24"/>
          <w:szCs w:val="24"/>
          <w:lang w:val="en-US" w:eastAsia="sv-SE"/>
        </w:rPr>
        <w:t>PROXY FORM</w:t>
      </w:r>
    </w:p>
    <w:p w14:paraId="4480E67F" w14:textId="77777777" w:rsidR="00547D7D" w:rsidRPr="00754E48" w:rsidRDefault="00547D7D" w:rsidP="00FC732D">
      <w:pPr>
        <w:jc w:val="center"/>
        <w:rPr>
          <w:bCs/>
          <w:color w:val="000000"/>
          <w:sz w:val="22"/>
          <w:szCs w:val="22"/>
          <w:lang w:val="en-US" w:eastAsia="sv-SE"/>
        </w:rPr>
      </w:pPr>
    </w:p>
    <w:p w14:paraId="201781E3" w14:textId="77777777" w:rsidR="00547D7D" w:rsidRPr="00754E48" w:rsidRDefault="00547D7D" w:rsidP="00273EA1">
      <w:pPr>
        <w:rPr>
          <w:bCs/>
          <w:color w:val="000000"/>
          <w:sz w:val="22"/>
          <w:szCs w:val="22"/>
          <w:lang w:val="en-US" w:eastAsia="sv-SE"/>
        </w:rPr>
      </w:pPr>
      <w:r w:rsidRPr="00754E48">
        <w:rPr>
          <w:bCs/>
          <w:color w:val="000000"/>
          <w:sz w:val="22"/>
          <w:szCs w:val="22"/>
          <w:lang w:val="en-US" w:eastAsia="sv-SE"/>
        </w:rPr>
        <w:t xml:space="preserve">The below proxy holder, or anyone the proxy holder appoints in his/her stead, is hereby authorized to </w:t>
      </w:r>
      <w:proofErr w:type="gramStart"/>
      <w:r w:rsidRPr="00754E48">
        <w:rPr>
          <w:bCs/>
          <w:color w:val="000000"/>
          <w:sz w:val="22"/>
          <w:szCs w:val="22"/>
          <w:lang w:val="en-US" w:eastAsia="sv-SE"/>
        </w:rPr>
        <w:t>represent</w:t>
      </w:r>
      <w:proofErr w:type="gramEnd"/>
      <w:r w:rsidRPr="00754E48">
        <w:rPr>
          <w:bCs/>
          <w:color w:val="000000"/>
          <w:sz w:val="22"/>
          <w:szCs w:val="22"/>
          <w:lang w:val="en-US" w:eastAsia="sv-SE"/>
        </w:rPr>
        <w:t xml:space="preserve"> and vote for all of the undersigned's shares in </w:t>
      </w:r>
      <w:r w:rsidRPr="009C20EB">
        <w:rPr>
          <w:sz w:val="22"/>
          <w:lang w:val="en-US"/>
        </w:rPr>
        <w:t xml:space="preserve">Pricer </w:t>
      </w:r>
      <w:proofErr w:type="spellStart"/>
      <w:r w:rsidRPr="009C20EB">
        <w:rPr>
          <w:sz w:val="22"/>
          <w:lang w:val="en-US"/>
        </w:rPr>
        <w:t>Aktiebolag</w:t>
      </w:r>
      <w:proofErr w:type="spellEnd"/>
      <w:r w:rsidRPr="00D40347">
        <w:rPr>
          <w:sz w:val="22"/>
          <w:lang w:val="en-US"/>
        </w:rPr>
        <w:t xml:space="preserve">, </w:t>
      </w:r>
      <w:r>
        <w:rPr>
          <w:sz w:val="22"/>
          <w:lang w:val="en-US"/>
        </w:rPr>
        <w:t>reg. no.</w:t>
      </w:r>
      <w:r w:rsidRPr="009A0AC3">
        <w:rPr>
          <w:lang w:val="en-US"/>
        </w:rPr>
        <w:t xml:space="preserve"> </w:t>
      </w:r>
      <w:r w:rsidRPr="009C20EB">
        <w:rPr>
          <w:sz w:val="22"/>
          <w:lang w:val="en-US"/>
        </w:rPr>
        <w:t>556427-7993</w:t>
      </w:r>
      <w:r w:rsidRPr="00754E48">
        <w:rPr>
          <w:bCs/>
          <w:color w:val="000000"/>
          <w:sz w:val="22"/>
          <w:szCs w:val="22"/>
          <w:lang w:val="en-US" w:eastAsia="sv-SE"/>
        </w:rPr>
        <w:t>, at the</w:t>
      </w:r>
      <w:r>
        <w:rPr>
          <w:bCs/>
          <w:color w:val="000000"/>
          <w:sz w:val="22"/>
          <w:szCs w:val="22"/>
          <w:lang w:val="en-US" w:eastAsia="sv-SE"/>
        </w:rPr>
        <w:t xml:space="preserve"> extra </w:t>
      </w:r>
      <w:r w:rsidRPr="00754E48">
        <w:rPr>
          <w:bCs/>
          <w:color w:val="000000"/>
          <w:sz w:val="22"/>
          <w:szCs w:val="22"/>
          <w:lang w:val="en-US" w:eastAsia="sv-SE"/>
        </w:rPr>
        <w:t>general meeting on</w:t>
      </w:r>
      <w:r>
        <w:rPr>
          <w:bCs/>
          <w:color w:val="000000"/>
          <w:sz w:val="22"/>
          <w:szCs w:val="22"/>
          <w:lang w:val="en-US" w:eastAsia="sv-SE"/>
        </w:rPr>
        <w:t xml:space="preserve"> 8 August 2023.</w:t>
      </w:r>
    </w:p>
    <w:p w14:paraId="40DE9C95" w14:textId="77777777" w:rsidR="00547D7D" w:rsidRPr="00754E48" w:rsidRDefault="00547D7D" w:rsidP="009E072F">
      <w:pPr>
        <w:rPr>
          <w:bCs/>
          <w:color w:val="000000"/>
          <w:sz w:val="22"/>
          <w:szCs w:val="22"/>
          <w:lang w:val="en-US" w:eastAsia="sv-SE"/>
        </w:rPr>
      </w:pPr>
    </w:p>
    <w:p w14:paraId="3729E608" w14:textId="77777777" w:rsidR="00547D7D" w:rsidRPr="00754E48" w:rsidRDefault="00547D7D" w:rsidP="009E072F">
      <w:pPr>
        <w:rPr>
          <w:b/>
          <w:bCs/>
          <w:color w:val="000000"/>
          <w:sz w:val="22"/>
          <w:szCs w:val="22"/>
          <w:lang w:val="en-US" w:eastAsia="sv-SE"/>
        </w:rPr>
      </w:pPr>
      <w:r w:rsidRPr="00754E48">
        <w:rPr>
          <w:b/>
          <w:bCs/>
          <w:color w:val="000000"/>
          <w:sz w:val="22"/>
          <w:szCs w:val="22"/>
          <w:lang w:val="en-US" w:eastAsia="sv-SE"/>
        </w:rPr>
        <w:t>Proxy holder</w:t>
      </w:r>
    </w:p>
    <w:p w14:paraId="5D6A9BF1" w14:textId="77777777" w:rsidR="00547D7D" w:rsidRPr="00754E48" w:rsidRDefault="00547D7D" w:rsidP="0053590B">
      <w:pPr>
        <w:rPr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562"/>
        <w:gridCol w:w="4674"/>
      </w:tblGrid>
      <w:tr w:rsidR="00547D7D" w:rsidRPr="00204A8C" w14:paraId="337E575F" w14:textId="77777777" w:rsidTr="00C22A60">
        <w:tc>
          <w:tcPr>
            <w:tcW w:w="4677" w:type="dxa"/>
            <w:shd w:val="clear" w:color="auto" w:fill="auto"/>
          </w:tcPr>
          <w:p w14:paraId="5DED60FD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Name of proxy holder</w:t>
            </w:r>
          </w:p>
          <w:p w14:paraId="76AEAE16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</w:p>
          <w:p w14:paraId="26597C94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</w:p>
          <w:p w14:paraId="520CF389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14:paraId="55E7AA55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ersonal ID number / date of birth</w:t>
            </w:r>
          </w:p>
        </w:tc>
      </w:tr>
      <w:tr w:rsidR="00547D7D" w14:paraId="405A8308" w14:textId="77777777" w:rsidTr="00C22A60">
        <w:tc>
          <w:tcPr>
            <w:tcW w:w="9462" w:type="dxa"/>
            <w:gridSpan w:val="2"/>
            <w:shd w:val="clear" w:color="auto" w:fill="auto"/>
          </w:tcPr>
          <w:p w14:paraId="10EA9ED9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Mailing address</w:t>
            </w:r>
          </w:p>
          <w:p w14:paraId="13DC9B50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</w:p>
          <w:p w14:paraId="113F138C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</w:p>
          <w:p w14:paraId="3BDDA046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</w:p>
        </w:tc>
      </w:tr>
      <w:tr w:rsidR="00547D7D" w14:paraId="6ABC36A3" w14:textId="77777777" w:rsidTr="00C22A60">
        <w:tc>
          <w:tcPr>
            <w:tcW w:w="4677" w:type="dxa"/>
            <w:shd w:val="clear" w:color="auto" w:fill="auto"/>
          </w:tcPr>
          <w:p w14:paraId="6B61AF6F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ostal code and country</w:t>
            </w:r>
          </w:p>
          <w:p w14:paraId="1D9413E3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</w:p>
          <w:p w14:paraId="54CBA7EE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</w:p>
          <w:p w14:paraId="23F645B5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14:paraId="39DCE7FA" w14:textId="77777777" w:rsidR="00547D7D" w:rsidRPr="00754E48" w:rsidRDefault="00547D7D" w:rsidP="009E072F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Telephone number</w:t>
            </w:r>
          </w:p>
        </w:tc>
      </w:tr>
    </w:tbl>
    <w:p w14:paraId="5188FCBB" w14:textId="77777777" w:rsidR="00547D7D" w:rsidRPr="00754E48" w:rsidRDefault="00547D7D" w:rsidP="009E072F">
      <w:pPr>
        <w:rPr>
          <w:bCs/>
          <w:color w:val="000000"/>
          <w:sz w:val="22"/>
          <w:szCs w:val="22"/>
          <w:lang w:val="en-US" w:eastAsia="sv-SE"/>
        </w:rPr>
      </w:pPr>
    </w:p>
    <w:p w14:paraId="0F5472E5" w14:textId="77777777" w:rsidR="00547D7D" w:rsidRPr="00754E48" w:rsidRDefault="00547D7D" w:rsidP="009E072F">
      <w:pPr>
        <w:rPr>
          <w:b/>
          <w:bCs/>
          <w:color w:val="000000"/>
          <w:sz w:val="22"/>
          <w:szCs w:val="22"/>
          <w:lang w:val="en-US" w:eastAsia="sv-SE"/>
        </w:rPr>
      </w:pPr>
    </w:p>
    <w:p w14:paraId="35C87051" w14:textId="77777777" w:rsidR="00547D7D" w:rsidRPr="00754E48" w:rsidRDefault="00547D7D" w:rsidP="009E072F">
      <w:pPr>
        <w:rPr>
          <w:b/>
          <w:bCs/>
          <w:color w:val="000000"/>
          <w:sz w:val="22"/>
          <w:szCs w:val="22"/>
          <w:lang w:val="en-US" w:eastAsia="sv-SE"/>
        </w:rPr>
      </w:pPr>
      <w:r w:rsidRPr="00754E48">
        <w:rPr>
          <w:b/>
          <w:bCs/>
          <w:color w:val="000000"/>
          <w:sz w:val="22"/>
          <w:szCs w:val="22"/>
          <w:lang w:val="en-US" w:eastAsia="sv-SE"/>
        </w:rPr>
        <w:t>Signature by shareholder</w:t>
      </w:r>
    </w:p>
    <w:p w14:paraId="6589A4F2" w14:textId="77777777" w:rsidR="00547D7D" w:rsidRPr="00754E48" w:rsidRDefault="00547D7D" w:rsidP="009E072F">
      <w:pPr>
        <w:rPr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558"/>
        <w:gridCol w:w="4678"/>
      </w:tblGrid>
      <w:tr w:rsidR="00547D7D" w:rsidRPr="00204A8C" w14:paraId="3E42CCE9" w14:textId="77777777" w:rsidTr="00C22A60">
        <w:tc>
          <w:tcPr>
            <w:tcW w:w="4677" w:type="dxa"/>
            <w:shd w:val="clear" w:color="auto" w:fill="auto"/>
          </w:tcPr>
          <w:p w14:paraId="6C89C9BA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Name of shareholder</w:t>
            </w:r>
          </w:p>
          <w:p w14:paraId="7D0CE166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</w:p>
          <w:p w14:paraId="722FF791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</w:p>
          <w:p w14:paraId="35397D12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14:paraId="797FFE11" w14:textId="77777777" w:rsidR="00547D7D" w:rsidRPr="00754E48" w:rsidRDefault="00547D7D" w:rsidP="00352915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ersonal ID number / date of birth/Registration number</w:t>
            </w:r>
          </w:p>
        </w:tc>
      </w:tr>
      <w:tr w:rsidR="00547D7D" w14:paraId="09D58826" w14:textId="77777777" w:rsidTr="00C22A60">
        <w:tc>
          <w:tcPr>
            <w:tcW w:w="4677" w:type="dxa"/>
            <w:shd w:val="clear" w:color="auto" w:fill="auto"/>
          </w:tcPr>
          <w:p w14:paraId="23BBCE81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Place and date</w:t>
            </w:r>
          </w:p>
          <w:p w14:paraId="76EDE5C1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</w:p>
          <w:p w14:paraId="1F94147A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</w:p>
          <w:p w14:paraId="0EE24D70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</w:p>
        </w:tc>
        <w:tc>
          <w:tcPr>
            <w:tcW w:w="4785" w:type="dxa"/>
            <w:shd w:val="clear" w:color="auto" w:fill="auto"/>
          </w:tcPr>
          <w:p w14:paraId="1AC16F3F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Telephone number</w:t>
            </w:r>
          </w:p>
        </w:tc>
      </w:tr>
      <w:tr w:rsidR="00547D7D" w14:paraId="53544D38" w14:textId="77777777" w:rsidTr="00C22A60">
        <w:tc>
          <w:tcPr>
            <w:tcW w:w="9462" w:type="dxa"/>
            <w:gridSpan w:val="2"/>
            <w:shd w:val="clear" w:color="auto" w:fill="auto"/>
          </w:tcPr>
          <w:p w14:paraId="5FD4DF7D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  <w:r w:rsidRPr="00754E48">
              <w:rPr>
                <w:bCs/>
                <w:color w:val="000000"/>
                <w:lang w:val="en-US" w:eastAsia="sv-SE"/>
              </w:rPr>
              <w:t>Signature*</w:t>
            </w:r>
          </w:p>
          <w:p w14:paraId="048E9568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</w:p>
          <w:p w14:paraId="6D0665D5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</w:p>
          <w:p w14:paraId="297D9F48" w14:textId="77777777" w:rsidR="00547D7D" w:rsidRPr="00754E48" w:rsidRDefault="00547D7D" w:rsidP="00C22A60">
            <w:pPr>
              <w:rPr>
                <w:bCs/>
                <w:color w:val="000000"/>
                <w:lang w:val="en-US" w:eastAsia="sv-SE"/>
              </w:rPr>
            </w:pPr>
          </w:p>
        </w:tc>
      </w:tr>
    </w:tbl>
    <w:p w14:paraId="642342CB" w14:textId="77777777" w:rsidR="00547D7D" w:rsidRPr="00754E48" w:rsidRDefault="00547D7D" w:rsidP="009E072F">
      <w:pPr>
        <w:rPr>
          <w:bCs/>
          <w:color w:val="000000"/>
          <w:lang w:val="en-US" w:eastAsia="sv-SE"/>
        </w:rPr>
      </w:pPr>
      <w:r w:rsidRPr="00754E48">
        <w:rPr>
          <w:bCs/>
          <w:color w:val="000000"/>
          <w:lang w:val="en-US" w:eastAsia="sv-SE"/>
        </w:rPr>
        <w:t xml:space="preserve">* In case of signing on behalf of a legal entity, the name of the signatory shall be printed next to the signature and an up-to-date certificate of registration (or a similar document) shall be attached to the proxy form. </w:t>
      </w:r>
    </w:p>
    <w:p w14:paraId="37C663B4" w14:textId="77777777" w:rsidR="00547D7D" w:rsidRPr="00754E48" w:rsidRDefault="00547D7D" w:rsidP="009E072F">
      <w:pPr>
        <w:rPr>
          <w:bCs/>
          <w:color w:val="000000"/>
          <w:sz w:val="22"/>
          <w:szCs w:val="22"/>
          <w:lang w:val="en-US" w:eastAsia="sv-SE"/>
        </w:rPr>
      </w:pPr>
    </w:p>
    <w:tbl>
      <w:tblPr>
        <w:tblW w:w="0" w:type="auto"/>
        <w:tblInd w:w="108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9236"/>
      </w:tblGrid>
      <w:tr w:rsidR="00547D7D" w:rsidRPr="00204A8C" w14:paraId="34354DF2" w14:textId="77777777" w:rsidTr="00C22A60">
        <w:tc>
          <w:tcPr>
            <w:tcW w:w="9462" w:type="dxa"/>
            <w:shd w:val="clear" w:color="auto" w:fill="auto"/>
          </w:tcPr>
          <w:p w14:paraId="50EBB0D4" w14:textId="77777777" w:rsidR="00547D7D" w:rsidRPr="00F4413B" w:rsidRDefault="00547D7D" w:rsidP="00BA0D2F">
            <w:pPr>
              <w:jc w:val="both"/>
              <w:rPr>
                <w:bCs/>
                <w:color w:val="000000"/>
                <w:lang w:val="en-US" w:eastAsia="sv-SE"/>
              </w:rPr>
            </w:pPr>
            <w:r w:rsidRPr="00F4413B">
              <w:rPr>
                <w:bCs/>
                <w:color w:val="000000"/>
                <w:lang w:val="en-US" w:eastAsia="sv-SE"/>
              </w:rPr>
              <w:t xml:space="preserve">Please note that notification of a shareholder's participation at the general meeting must be made in accordance with the procedures described in the notice of the general meeting, even if the shareholder wishes to exercise his/her voting powers by proxy. A submitted proxy form is </w:t>
            </w:r>
            <w:r w:rsidRPr="00F4413B">
              <w:rPr>
                <w:bCs/>
                <w:color w:val="000000"/>
                <w:u w:val="single"/>
                <w:lang w:val="en-US" w:eastAsia="sv-SE"/>
              </w:rPr>
              <w:t>not</w:t>
            </w:r>
            <w:r w:rsidRPr="00F4413B">
              <w:rPr>
                <w:bCs/>
                <w:color w:val="000000"/>
                <w:lang w:val="en-US" w:eastAsia="sv-SE"/>
              </w:rPr>
              <w:t xml:space="preserve"> valid as notification of a shareholder's participation.</w:t>
            </w:r>
          </w:p>
          <w:p w14:paraId="7CEB96F2" w14:textId="77777777" w:rsidR="00547D7D" w:rsidRPr="00F4413B" w:rsidRDefault="00547D7D" w:rsidP="00BA0D2F">
            <w:pPr>
              <w:jc w:val="both"/>
              <w:rPr>
                <w:bCs/>
                <w:color w:val="000000"/>
                <w:lang w:val="en-US" w:eastAsia="sv-SE"/>
              </w:rPr>
            </w:pPr>
          </w:p>
          <w:p w14:paraId="750AAB43" w14:textId="79E47912" w:rsidR="00547D7D" w:rsidRDefault="00547D7D" w:rsidP="00F4413B">
            <w:pPr>
              <w:jc w:val="both"/>
              <w:rPr>
                <w:lang w:val="en-US"/>
              </w:rPr>
            </w:pPr>
            <w:r w:rsidRPr="00F4413B">
              <w:rPr>
                <w:bCs/>
                <w:color w:val="000000"/>
                <w:lang w:val="en-US" w:eastAsia="sv-SE"/>
              </w:rPr>
              <w:t xml:space="preserve">The filled in proxy form (including any attachments) should be submitted to </w:t>
            </w:r>
            <w:r w:rsidRPr="00962013">
              <w:rPr>
                <w:lang w:val="en-US"/>
              </w:rPr>
              <w:t xml:space="preserve">Baker &amp; McKenzie </w:t>
            </w:r>
            <w:proofErr w:type="spellStart"/>
            <w:r w:rsidRPr="00962013">
              <w:rPr>
                <w:lang w:val="en-US"/>
              </w:rPr>
              <w:t>Advokatbyrå</w:t>
            </w:r>
            <w:proofErr w:type="spellEnd"/>
            <w:r w:rsidRPr="00962013">
              <w:rPr>
                <w:lang w:val="en-US"/>
              </w:rPr>
              <w:t xml:space="preserve"> KB, P.O. Box 180, 101 23 Stockholm (state "Extra general meeting, Pricer")</w:t>
            </w:r>
            <w:r>
              <w:rPr>
                <w:lang w:val="en-US"/>
              </w:rPr>
              <w:t xml:space="preserve"> or via email to </w:t>
            </w:r>
            <w:r w:rsidR="00204A8C" w:rsidRPr="00204A8C">
              <w:rPr>
                <w:lang w:val="en-US"/>
              </w:rPr>
              <w:t>Melinda.Roos@bakermckenzie.com</w:t>
            </w:r>
            <w:r w:rsidRPr="00F4413B">
              <w:rPr>
                <w:lang w:val="en-US"/>
              </w:rPr>
              <w:t xml:space="preserve">, together with the </w:t>
            </w:r>
            <w:r>
              <w:rPr>
                <w:bCs/>
                <w:color w:val="000000"/>
                <w:lang w:val="en-US" w:eastAsia="sv-SE"/>
              </w:rPr>
              <w:t>notification of the shareholder'</w:t>
            </w:r>
            <w:r w:rsidRPr="00F4413B">
              <w:rPr>
                <w:bCs/>
                <w:color w:val="000000"/>
                <w:lang w:val="en-US" w:eastAsia="sv-SE"/>
              </w:rPr>
              <w:t>s participation</w:t>
            </w:r>
            <w:r w:rsidRPr="00F4413B">
              <w:rPr>
                <w:lang w:val="en-US"/>
              </w:rPr>
              <w:t xml:space="preserve"> well in advance of the general meeting. If the shareholder does not want to exercise his/her/its voting rights </w:t>
            </w:r>
            <w:proofErr w:type="gramStart"/>
            <w:r w:rsidRPr="00F4413B">
              <w:rPr>
                <w:lang w:val="en-US"/>
              </w:rPr>
              <w:t>trough</w:t>
            </w:r>
            <w:proofErr w:type="gramEnd"/>
            <w:r w:rsidRPr="00F4413B">
              <w:rPr>
                <w:lang w:val="en-US"/>
              </w:rPr>
              <w:t xml:space="preserve"> a proxy holder the proxy form does </w:t>
            </w:r>
            <w:r w:rsidRPr="00F4413B">
              <w:rPr>
                <w:u w:val="single"/>
                <w:lang w:val="en-US"/>
              </w:rPr>
              <w:t>not</w:t>
            </w:r>
            <w:r w:rsidRPr="00F4413B">
              <w:rPr>
                <w:lang w:val="en-US"/>
              </w:rPr>
              <w:t xml:space="preserve"> have to be submitted.</w:t>
            </w:r>
          </w:p>
          <w:p w14:paraId="3559122A" w14:textId="77777777" w:rsidR="00547D7D" w:rsidRDefault="00547D7D" w:rsidP="00F4413B">
            <w:pPr>
              <w:jc w:val="both"/>
              <w:rPr>
                <w:bCs/>
                <w:color w:val="000000"/>
                <w:sz w:val="22"/>
                <w:lang w:val="en-US"/>
              </w:rPr>
            </w:pPr>
          </w:p>
          <w:p w14:paraId="351AB398" w14:textId="77777777" w:rsidR="00547D7D" w:rsidRPr="000741FA" w:rsidRDefault="00547D7D" w:rsidP="00055551">
            <w:pPr>
              <w:jc w:val="both"/>
              <w:rPr>
                <w:lang w:val="en-US"/>
              </w:rPr>
            </w:pPr>
            <w:r w:rsidRPr="000741FA">
              <w:rPr>
                <w:lang w:val="en-US"/>
              </w:rPr>
              <w:t>Processing of personal data</w:t>
            </w:r>
          </w:p>
          <w:p w14:paraId="5C689BFE" w14:textId="77777777" w:rsidR="00547D7D" w:rsidRPr="00754E48" w:rsidRDefault="00547D7D" w:rsidP="00055551">
            <w:pPr>
              <w:jc w:val="both"/>
              <w:rPr>
                <w:bCs/>
                <w:color w:val="000000"/>
                <w:sz w:val="22"/>
                <w:szCs w:val="22"/>
                <w:lang w:val="en-US" w:eastAsia="sv-SE"/>
              </w:rPr>
            </w:pPr>
            <w:r w:rsidRPr="000741FA">
              <w:rPr>
                <w:lang w:val="en-US"/>
              </w:rPr>
              <w:t>For information on how personal data is processed in relation the meeting, see the Privacy notice available on Euroclear Sweden AB's website: https://www.euroclear.com/dam/ESw/Legal/Privacy-notice-bolagsstammor</w:t>
            </w:r>
            <w:r>
              <w:rPr>
                <w:lang w:val="en-US"/>
              </w:rPr>
              <w:t>-</w:t>
            </w:r>
            <w:r w:rsidRPr="000741FA">
              <w:rPr>
                <w:lang w:val="en-US"/>
              </w:rPr>
              <w:t>engelska.pdf.</w:t>
            </w:r>
          </w:p>
        </w:tc>
      </w:tr>
    </w:tbl>
    <w:p w14:paraId="0CE2CB40" w14:textId="77777777" w:rsidR="00547D7D" w:rsidRPr="00754E48" w:rsidRDefault="00547D7D">
      <w:pPr>
        <w:rPr>
          <w:sz w:val="22"/>
          <w:szCs w:val="22"/>
          <w:lang w:val="en-US"/>
        </w:rPr>
      </w:pPr>
    </w:p>
    <w:sectPr w:rsidR="00547D7D" w:rsidRPr="00754E48" w:rsidSect="00FC732D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1906" w:h="16838"/>
      <w:pgMar w:top="1701" w:right="1276" w:bottom="1701" w:left="1276" w:header="720" w:footer="720" w:gutter="0"/>
      <w:cols w:space="720"/>
      <w:noEndnote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E8A6729" w14:textId="77777777" w:rsidR="00F86157" w:rsidRDefault="00F86157">
      <w:r>
        <w:separator/>
      </w:r>
    </w:p>
  </w:endnote>
  <w:endnote w:type="continuationSeparator" w:id="0">
    <w:p w14:paraId="534590CE" w14:textId="77777777" w:rsidR="00F86157" w:rsidRDefault="00F8615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A1438F" w14:textId="77777777" w:rsidR="00AF7E7C" w:rsidRDefault="00AF7E7C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E0CCAC2" w14:textId="77777777" w:rsidR="00FC732D" w:rsidRDefault="00000000" w:rsidP="00FC732D">
    <w:pPr>
      <w:pStyle w:val="Footer"/>
    </w:pPr>
  </w:p>
  <w:p w14:paraId="4BCB8311" w14:textId="77777777" w:rsidR="00FC732D" w:rsidRDefault="00000000" w:rsidP="00FC732D">
    <w:pPr>
      <w:pStyle w:val="Footer"/>
    </w:pPr>
  </w:p>
  <w:p w14:paraId="596FF020" w14:textId="77777777" w:rsidR="00FC732D" w:rsidRDefault="00000000" w:rsidP="00FC732D">
    <w:pPr>
      <w:pStyle w:val="Footer"/>
      <w:rPr>
        <w:rFonts w:ascii="Arial" w:hAnsi="Arial" w:cs="Arial"/>
        <w:sz w:val="16"/>
      </w:rPr>
    </w:pPr>
  </w:p>
  <w:p w14:paraId="365BEA5F" w14:textId="77777777" w:rsidR="00445AEE" w:rsidRDefault="00B4414D" w:rsidP="00FC732D">
    <w:pPr>
      <w:pStyle w:val="Footer"/>
    </w:pPr>
    <w:r>
      <w:t>1741916-v1\STODMS</w:t>
    </w:r>
  </w:p>
  <w:p w14:paraId="7F3B03D1" w14:textId="77777777" w:rsidR="00DD3D48" w:rsidRPr="008720BD" w:rsidRDefault="00445AEE" w:rsidP="00445AEE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445AEE">
      <w:rPr>
        <w:sz w:val="14"/>
      </w:rPr>
      <w:instrText>IF "</w:instrText>
    </w:r>
    <w:r w:rsidRPr="00445AEE">
      <w:rPr>
        <w:sz w:val="14"/>
      </w:rPr>
      <w:fldChar w:fldCharType="begin"/>
    </w:r>
    <w:r w:rsidRPr="00445AEE">
      <w:rPr>
        <w:sz w:val="14"/>
      </w:rPr>
      <w:instrText xml:space="preserve"> DOCVARIABLE "SWDocIDLocation" </w:instrText>
    </w:r>
    <w:r w:rsidRPr="00445AEE">
      <w:rPr>
        <w:sz w:val="14"/>
      </w:rPr>
      <w:fldChar w:fldCharType="separate"/>
    </w:r>
    <w:r w:rsidR="00C23A47">
      <w:rPr>
        <w:sz w:val="14"/>
      </w:rPr>
      <w:instrText>1</w:instrText>
    </w:r>
    <w:r w:rsidRPr="00445AEE">
      <w:rPr>
        <w:sz w:val="14"/>
      </w:rPr>
      <w:fldChar w:fldCharType="end"/>
    </w:r>
    <w:r w:rsidRPr="00445AEE">
      <w:rPr>
        <w:sz w:val="14"/>
      </w:rPr>
      <w:instrText>" = "1" "</w:instrText>
    </w:r>
    <w:r w:rsidRPr="00445AEE">
      <w:rPr>
        <w:sz w:val="14"/>
      </w:rPr>
      <w:fldChar w:fldCharType="begin"/>
    </w:r>
    <w:r w:rsidRPr="00445AEE">
      <w:rPr>
        <w:sz w:val="14"/>
      </w:rPr>
      <w:instrText xml:space="preserve"> DOCPROPERTY "SWDocID" </w:instrText>
    </w:r>
    <w:r w:rsidRPr="00445AEE">
      <w:rPr>
        <w:sz w:val="14"/>
      </w:rPr>
      <w:fldChar w:fldCharType="separate"/>
    </w:r>
    <w:r w:rsidR="00C23A47">
      <w:rPr>
        <w:sz w:val="14"/>
      </w:rPr>
      <w:instrText>2747900-v2\STODMS</w:instrText>
    </w:r>
    <w:r w:rsidRPr="00445AEE">
      <w:rPr>
        <w:sz w:val="14"/>
      </w:rPr>
      <w:fldChar w:fldCharType="end"/>
    </w:r>
    <w:r w:rsidRPr="00445AEE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C23A47">
      <w:rPr>
        <w:noProof/>
        <w:sz w:val="14"/>
      </w:rPr>
      <w:t>2747900-v2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678E312" w14:textId="77777777" w:rsidR="00AF7E7C" w:rsidRDefault="00AF7E7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4A185F5" w14:textId="77777777" w:rsidR="00F86157" w:rsidRDefault="00F86157">
      <w:r>
        <w:separator/>
      </w:r>
    </w:p>
  </w:footnote>
  <w:footnote w:type="continuationSeparator" w:id="0">
    <w:p w14:paraId="1043FEAD" w14:textId="77777777" w:rsidR="00F86157" w:rsidRDefault="00F8615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9C199C" w14:textId="77777777" w:rsidR="00AF7E7C" w:rsidRDefault="00AF7E7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49C32E3" w14:textId="77777777" w:rsidR="00AF7E7C" w:rsidRDefault="00AF7E7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1FDC77F" w14:textId="77777777" w:rsidR="00AF7E7C" w:rsidRDefault="00AF7E7C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1304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9655D4"/>
    <w:rsid w:val="000410FC"/>
    <w:rsid w:val="00055551"/>
    <w:rsid w:val="000741FA"/>
    <w:rsid w:val="001C3C94"/>
    <w:rsid w:val="001D473A"/>
    <w:rsid w:val="002020B2"/>
    <w:rsid w:val="00204A8C"/>
    <w:rsid w:val="002161E8"/>
    <w:rsid w:val="002E6E61"/>
    <w:rsid w:val="003111C3"/>
    <w:rsid w:val="003234CE"/>
    <w:rsid w:val="003D0415"/>
    <w:rsid w:val="004048F5"/>
    <w:rsid w:val="00441253"/>
    <w:rsid w:val="00445AEE"/>
    <w:rsid w:val="00481F09"/>
    <w:rsid w:val="004A1AF3"/>
    <w:rsid w:val="004E2845"/>
    <w:rsid w:val="00547D7D"/>
    <w:rsid w:val="005A25C8"/>
    <w:rsid w:val="005C5B05"/>
    <w:rsid w:val="00626E7F"/>
    <w:rsid w:val="006A5A36"/>
    <w:rsid w:val="007211BD"/>
    <w:rsid w:val="008039EA"/>
    <w:rsid w:val="00832DD0"/>
    <w:rsid w:val="008D04DD"/>
    <w:rsid w:val="008F50E9"/>
    <w:rsid w:val="00962013"/>
    <w:rsid w:val="009655D4"/>
    <w:rsid w:val="009A0AC3"/>
    <w:rsid w:val="009C20EB"/>
    <w:rsid w:val="009C2746"/>
    <w:rsid w:val="00A02580"/>
    <w:rsid w:val="00A24D54"/>
    <w:rsid w:val="00AF7E7C"/>
    <w:rsid w:val="00B4414D"/>
    <w:rsid w:val="00B471A5"/>
    <w:rsid w:val="00B563BF"/>
    <w:rsid w:val="00C23A47"/>
    <w:rsid w:val="00C25459"/>
    <w:rsid w:val="00CB2964"/>
    <w:rsid w:val="00CF2CA6"/>
    <w:rsid w:val="00DA01CD"/>
    <w:rsid w:val="00EB7E54"/>
    <w:rsid w:val="00F4413B"/>
    <w:rsid w:val="00F668F6"/>
    <w:rsid w:val="00F86157"/>
    <w:rsid w:val="00FB792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1026"/>
    <o:shapelayout v:ext="edit">
      <o:idmap v:ext="edit" data="1"/>
    </o:shapelayout>
  </w:shapeDefaults>
  <w:decimalSymbol w:val=","/>
  <w:listSeparator w:val=";"/>
  <w14:docId w14:val="1105C82A"/>
  <w15:docId w15:val="{55326ADC-ED82-4BB6-96DB-CA6E5705640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FC732D"/>
    <w:rPr>
      <w:lang w:eastAsia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rsid w:val="00FC732D"/>
    <w:pPr>
      <w:tabs>
        <w:tab w:val="center" w:pos="4536"/>
        <w:tab w:val="right" w:pos="9072"/>
      </w:tabs>
    </w:pPr>
  </w:style>
  <w:style w:type="paragraph" w:styleId="BodyText">
    <w:name w:val="Body Text"/>
    <w:basedOn w:val="Normal"/>
    <w:autoRedefine/>
    <w:rsid w:val="00FC732D"/>
    <w:pPr>
      <w:spacing w:after="160"/>
    </w:pPr>
    <w:rPr>
      <w:i/>
      <w:sz w:val="22"/>
    </w:rPr>
  </w:style>
  <w:style w:type="paragraph" w:styleId="Header">
    <w:name w:val="header"/>
    <w:basedOn w:val="Normal"/>
    <w:link w:val="HeaderChar"/>
    <w:rsid w:val="0060380F"/>
    <w:pPr>
      <w:tabs>
        <w:tab w:val="center" w:pos="4536"/>
        <w:tab w:val="right" w:pos="9072"/>
      </w:tabs>
    </w:pPr>
  </w:style>
  <w:style w:type="character" w:customStyle="1" w:styleId="HeaderChar">
    <w:name w:val="Header Char"/>
    <w:link w:val="Header"/>
    <w:rsid w:val="0060380F"/>
    <w:rPr>
      <w:lang w:eastAsia="en-US"/>
    </w:rPr>
  </w:style>
  <w:style w:type="table" w:styleId="TableGrid">
    <w:name w:val="Table Grid"/>
    <w:basedOn w:val="TableNormal"/>
    <w:rsid w:val="009E072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rsid w:val="0026488C"/>
    <w:rPr>
      <w:color w:val="0000FF"/>
      <w:u w:val="single"/>
    </w:rPr>
  </w:style>
  <w:style w:type="paragraph" w:styleId="BalloonText">
    <w:name w:val="Balloon Text"/>
    <w:basedOn w:val="Normal"/>
    <w:link w:val="BalloonTextChar"/>
    <w:rsid w:val="00A46D2D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A46D2D"/>
    <w:rPr>
      <w:rFonts w:ascii="Tahoma" w:hAnsi="Tahoma" w:cs="Tahoma"/>
      <w:sz w:val="16"/>
      <w:szCs w:val="16"/>
      <w:lang w:eastAsia="en-US"/>
    </w:rPr>
  </w:style>
  <w:style w:type="character" w:styleId="CommentReference">
    <w:name w:val="annotation reference"/>
    <w:basedOn w:val="DefaultParagraphFont"/>
    <w:semiHidden/>
    <w:unhideWhenUsed/>
    <w:rsid w:val="00CB2964"/>
    <w:rPr>
      <w:sz w:val="16"/>
      <w:szCs w:val="16"/>
    </w:rPr>
  </w:style>
  <w:style w:type="paragraph" w:styleId="CommentText">
    <w:name w:val="annotation text"/>
    <w:basedOn w:val="Normal"/>
    <w:link w:val="CommentTextChar"/>
    <w:semiHidden/>
    <w:unhideWhenUsed/>
    <w:rsid w:val="00CB2964"/>
  </w:style>
  <w:style w:type="character" w:customStyle="1" w:styleId="CommentTextChar">
    <w:name w:val="Comment Text Char"/>
    <w:basedOn w:val="DefaultParagraphFont"/>
    <w:link w:val="CommentText"/>
    <w:semiHidden/>
    <w:rsid w:val="00CB2964"/>
    <w:rPr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semiHidden/>
    <w:unhideWhenUsed/>
    <w:rsid w:val="00CB2964"/>
    <w:rPr>
      <w:b/>
      <w:bCs/>
    </w:rPr>
  </w:style>
  <w:style w:type="character" w:customStyle="1" w:styleId="CommentSubjectChar">
    <w:name w:val="Comment Subject Char"/>
    <w:basedOn w:val="CommentTextChar"/>
    <w:link w:val="CommentSubject"/>
    <w:semiHidden/>
    <w:rsid w:val="00CB2964"/>
    <w:rPr>
      <w:b/>
      <w:bCs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215</Words>
  <Characters>1639</Characters>
  <Application>Microsoft Office Word</Application>
  <DocSecurity>0</DocSecurity>
  <Lines>74</Lines>
  <Paragraphs>26</Paragraphs>
  <ScaleCrop>false</ScaleCrop>
  <Company/>
  <LinksUpToDate>false</LinksUpToDate>
  <CharactersWithSpaces>182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Cecilia Vinell</dc:creator>
  <cp:lastModifiedBy>Cecilia Vinell</cp:lastModifiedBy>
  <cp:revision>2</cp:revision>
  <dcterms:created xsi:type="dcterms:W3CDTF">2023-06-29T18:11:00Z</dcterms:created>
  <dcterms:modified xsi:type="dcterms:W3CDTF">2023-06-29T18:1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GrammarlyDocumentId">
    <vt:lpwstr>ac64a77c163929acd67f50ab0153d49a3e4a13689a5905dc6c186b3e3497a4fd</vt:lpwstr>
  </property>
</Properties>
</file>